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5章 運輸・通信\02公表用（改定有）\"/>
    </mc:Choice>
  </mc:AlternateContent>
  <xr:revisionPtr revIDLastSave="0" documentId="13_ncr:1_{899E7780-A118-40B4-9E66-3A295DE149B5}" xr6:coauthVersionLast="44" xr6:coauthVersionMax="44" xr10:uidLastSave="{00000000-0000-0000-0000-000000000000}"/>
  <bookViews>
    <workbookView xWindow="-108" yWindow="-108" windowWidth="23256" windowHeight="12576" tabRatio="735" xr2:uid="{00000000-000D-0000-FFFF-FFFF00000000}"/>
  </bookViews>
  <sheets>
    <sheet name="2-1 車種別自動車登録台数" sheetId="13" r:id="rId1"/>
  </sheets>
  <definedNames>
    <definedName name="_xlnm.Print_Area" localSheetId="0">'2-1 車種別自動車登録台数'!$A$1:$M$43</definedName>
    <definedName name="_xlnm.Print_Titles" localSheetId="0">'2-1 車種別自動車登録台数'!$1:$2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16" i="13" l="1"/>
  <c r="C15" i="13"/>
  <c r="C14" i="13"/>
  <c r="C13" i="13"/>
  <c r="C12" i="13"/>
  <c r="C11" i="13"/>
  <c r="C10" i="13"/>
  <c r="C9" i="13"/>
  <c r="C8" i="13"/>
  <c r="C7" i="13"/>
  <c r="C6" i="13"/>
  <c r="C5" i="13"/>
  <c r="C4" i="13"/>
  <c r="C3" i="13"/>
</calcChain>
</file>

<file path=xl/sharedStrings.xml><?xml version="1.0" encoding="utf-8"?>
<sst xmlns="http://schemas.openxmlformats.org/spreadsheetml/2006/main" count="61" uniqueCount="56">
  <si>
    <t>被牽引車</t>
    <rPh sb="0" eb="1">
      <t>ヒ</t>
    </rPh>
    <rPh sb="1" eb="4">
      <t>ケンインシャ</t>
    </rPh>
    <phoneticPr fontId="2"/>
  </si>
  <si>
    <t>特殊車及び</t>
    <rPh sb="0" eb="3">
      <t>トクシュシャ</t>
    </rPh>
    <rPh sb="3" eb="4">
      <t>オヨ</t>
    </rPh>
    <phoneticPr fontId="2"/>
  </si>
  <si>
    <t>大型特殊車</t>
    <rPh sb="0" eb="2">
      <t>オオガタ</t>
    </rPh>
    <rPh sb="2" eb="4">
      <t>トクシュ</t>
    </rPh>
    <rPh sb="4" eb="5">
      <t>シャ</t>
    </rPh>
    <phoneticPr fontId="2"/>
  </si>
  <si>
    <t>小型二輪車</t>
    <rPh sb="0" eb="2">
      <t>コガタ</t>
    </rPh>
    <rPh sb="2" eb="5">
      <t>ニリンシャ</t>
    </rPh>
    <phoneticPr fontId="2"/>
  </si>
  <si>
    <t>軽自動車</t>
    <rPh sb="0" eb="4">
      <t>ケイジドウシャ</t>
    </rPh>
    <phoneticPr fontId="2"/>
  </si>
  <si>
    <t>総数</t>
    <phoneticPr fontId="2"/>
  </si>
  <si>
    <t>貨物用</t>
    <phoneticPr fontId="2"/>
  </si>
  <si>
    <t>乗合用</t>
    <rPh sb="2" eb="3">
      <t>ヨウ</t>
    </rPh>
    <phoneticPr fontId="2"/>
  </si>
  <si>
    <t>乗用</t>
    <phoneticPr fontId="2"/>
  </si>
  <si>
    <t>普通車</t>
    <phoneticPr fontId="2"/>
  </si>
  <si>
    <t>小型車</t>
    <phoneticPr fontId="2"/>
  </si>
  <si>
    <t>普通車</t>
    <phoneticPr fontId="2"/>
  </si>
  <si>
    <t>西暦</t>
    <rPh sb="0" eb="2">
      <t>セイレキ</t>
    </rPh>
    <phoneticPr fontId="2"/>
  </si>
  <si>
    <t>和歴</t>
    <rPh sb="0" eb="1">
      <t>ワ</t>
    </rPh>
    <rPh sb="1" eb="2">
      <t>レキ</t>
    </rPh>
    <phoneticPr fontId="2"/>
  </si>
  <si>
    <t>昭和60年</t>
    <rPh sb="0" eb="2">
      <t>ショウワ</t>
    </rPh>
    <phoneticPr fontId="2"/>
  </si>
  <si>
    <t>昭和61年</t>
    <rPh sb="0" eb="2">
      <t>ショウワ</t>
    </rPh>
    <phoneticPr fontId="2"/>
  </si>
  <si>
    <t>昭和62年</t>
    <rPh sb="0" eb="2">
      <t>ショウワ</t>
    </rPh>
    <phoneticPr fontId="2"/>
  </si>
  <si>
    <t>平成元年</t>
    <rPh sb="0" eb="2">
      <t>ｈ</t>
    </rPh>
    <rPh sb="2" eb="4">
      <t>ガンネン</t>
    </rPh>
    <phoneticPr fontId="2"/>
  </si>
  <si>
    <t>平成10年</t>
    <rPh sb="0" eb="2">
      <t>ｈ</t>
    </rPh>
    <rPh sb="4" eb="5">
      <t>ネン</t>
    </rPh>
    <phoneticPr fontId="2"/>
  </si>
  <si>
    <t>平成11年</t>
    <rPh sb="0" eb="2">
      <t>ｈ</t>
    </rPh>
    <rPh sb="4" eb="5">
      <t>ネン</t>
    </rPh>
    <phoneticPr fontId="2"/>
  </si>
  <si>
    <t>平成12年</t>
    <rPh sb="0" eb="2">
      <t>ｈ</t>
    </rPh>
    <rPh sb="4" eb="5">
      <t>ネン</t>
    </rPh>
    <phoneticPr fontId="2"/>
  </si>
  <si>
    <t>平成17年</t>
    <rPh sb="0" eb="2">
      <t>ｈ</t>
    </rPh>
    <rPh sb="4" eb="5">
      <t>ネン</t>
    </rPh>
    <phoneticPr fontId="2"/>
  </si>
  <si>
    <t>平成22年</t>
    <rPh sb="0" eb="2">
      <t>ｈ</t>
    </rPh>
    <rPh sb="4" eb="5">
      <t>ネン</t>
    </rPh>
    <phoneticPr fontId="2"/>
  </si>
  <si>
    <t>昭和63年</t>
    <rPh sb="0" eb="2">
      <t>ショウワ</t>
    </rPh>
    <phoneticPr fontId="2"/>
  </si>
  <si>
    <t>平成2年</t>
    <rPh sb="0" eb="2">
      <t>ｈ</t>
    </rPh>
    <rPh sb="3" eb="4">
      <t>ネン</t>
    </rPh>
    <phoneticPr fontId="2"/>
  </si>
  <si>
    <t>平成3年</t>
    <rPh sb="0" eb="2">
      <t>ｈ</t>
    </rPh>
    <rPh sb="3" eb="4">
      <t>ネン</t>
    </rPh>
    <phoneticPr fontId="2"/>
  </si>
  <si>
    <t>平成4年</t>
    <rPh sb="0" eb="2">
      <t>ｈ</t>
    </rPh>
    <rPh sb="3" eb="4">
      <t>ネン</t>
    </rPh>
    <phoneticPr fontId="2"/>
  </si>
  <si>
    <t>平成5年</t>
    <rPh sb="0" eb="2">
      <t>ｈ</t>
    </rPh>
    <rPh sb="3" eb="4">
      <t>ネン</t>
    </rPh>
    <phoneticPr fontId="2"/>
  </si>
  <si>
    <t>平成6年</t>
    <rPh sb="0" eb="2">
      <t>ｈ</t>
    </rPh>
    <rPh sb="3" eb="4">
      <t>ネン</t>
    </rPh>
    <phoneticPr fontId="2"/>
  </si>
  <si>
    <t>平成7年</t>
    <rPh sb="0" eb="2">
      <t>ｈ</t>
    </rPh>
    <rPh sb="3" eb="4">
      <t>ネン</t>
    </rPh>
    <phoneticPr fontId="2"/>
  </si>
  <si>
    <t>平成8年</t>
    <rPh sb="0" eb="2">
      <t>ｈ</t>
    </rPh>
    <rPh sb="3" eb="4">
      <t>ネン</t>
    </rPh>
    <phoneticPr fontId="2"/>
  </si>
  <si>
    <t>平成9年</t>
    <rPh sb="0" eb="2">
      <t>ｈ</t>
    </rPh>
    <rPh sb="3" eb="4">
      <t>ネン</t>
    </rPh>
    <phoneticPr fontId="2"/>
  </si>
  <si>
    <t>平成13年</t>
    <rPh sb="0" eb="2">
      <t>ｈ</t>
    </rPh>
    <rPh sb="4" eb="5">
      <t>ネン</t>
    </rPh>
    <phoneticPr fontId="2"/>
  </si>
  <si>
    <t>平成14年</t>
    <rPh sb="0" eb="2">
      <t>ｈ</t>
    </rPh>
    <rPh sb="4" eb="5">
      <t>ネン</t>
    </rPh>
    <phoneticPr fontId="2"/>
  </si>
  <si>
    <t>平成15年</t>
    <rPh sb="0" eb="2">
      <t>ｈ</t>
    </rPh>
    <rPh sb="4" eb="5">
      <t>ネン</t>
    </rPh>
    <phoneticPr fontId="2"/>
  </si>
  <si>
    <t>平成16年</t>
    <rPh sb="0" eb="2">
      <t>ｈ</t>
    </rPh>
    <rPh sb="4" eb="5">
      <t>ネン</t>
    </rPh>
    <phoneticPr fontId="2"/>
  </si>
  <si>
    <t>平成18年</t>
    <rPh sb="0" eb="2">
      <t>ｈ</t>
    </rPh>
    <rPh sb="4" eb="5">
      <t>ネン</t>
    </rPh>
    <phoneticPr fontId="2"/>
  </si>
  <si>
    <t>平成19年</t>
    <rPh sb="0" eb="2">
      <t>ｈ</t>
    </rPh>
    <rPh sb="4" eb="5">
      <t>ネン</t>
    </rPh>
    <phoneticPr fontId="2"/>
  </si>
  <si>
    <t>平成20年</t>
    <rPh sb="0" eb="2">
      <t>ｈ</t>
    </rPh>
    <rPh sb="4" eb="5">
      <t>ネン</t>
    </rPh>
    <phoneticPr fontId="2"/>
  </si>
  <si>
    <t>平成21年</t>
    <rPh sb="0" eb="2">
      <t>ｈ</t>
    </rPh>
    <rPh sb="4" eb="5">
      <t>ネン</t>
    </rPh>
    <phoneticPr fontId="2"/>
  </si>
  <si>
    <t>平成23年</t>
    <rPh sb="0" eb="2">
      <t>ｈ</t>
    </rPh>
    <rPh sb="4" eb="5">
      <t>ネン</t>
    </rPh>
    <phoneticPr fontId="2"/>
  </si>
  <si>
    <t>平成24年</t>
    <rPh sb="0" eb="2">
      <t>ｈ</t>
    </rPh>
    <rPh sb="4" eb="5">
      <t>ネン</t>
    </rPh>
    <phoneticPr fontId="2"/>
  </si>
  <si>
    <t>昭和57年</t>
    <rPh sb="0" eb="2">
      <t>ショウワ</t>
    </rPh>
    <phoneticPr fontId="2"/>
  </si>
  <si>
    <t>昭和58年</t>
    <rPh sb="0" eb="2">
      <t>ショウワ</t>
    </rPh>
    <phoneticPr fontId="2"/>
  </si>
  <si>
    <t>昭和59年</t>
    <rPh sb="0" eb="2">
      <t>ショウワ</t>
    </rPh>
    <phoneticPr fontId="2"/>
  </si>
  <si>
    <t>平成25年</t>
    <rPh sb="0" eb="2">
      <t>ｈ</t>
    </rPh>
    <rPh sb="4" eb="5">
      <t>ネン</t>
    </rPh>
    <phoneticPr fontId="2"/>
  </si>
  <si>
    <t>平成26年</t>
    <rPh sb="0" eb="2">
      <t>ｈ</t>
    </rPh>
    <rPh sb="4" eb="5">
      <t>ネン</t>
    </rPh>
    <phoneticPr fontId="2"/>
  </si>
  <si>
    <t>平成27年</t>
    <rPh sb="0" eb="2">
      <t>ｈ</t>
    </rPh>
    <rPh sb="4" eb="5">
      <t>ネン</t>
    </rPh>
    <phoneticPr fontId="2"/>
  </si>
  <si>
    <t>平成28年</t>
    <rPh sb="0" eb="2">
      <t>ｈ</t>
    </rPh>
    <rPh sb="4" eb="5">
      <t>ネン</t>
    </rPh>
    <phoneticPr fontId="2"/>
  </si>
  <si>
    <t>平成29年</t>
    <rPh sb="0" eb="2">
      <t>ｈ</t>
    </rPh>
    <rPh sb="4" eb="5">
      <t>ネン</t>
    </rPh>
    <phoneticPr fontId="2"/>
  </si>
  <si>
    <t>平成30年</t>
    <rPh sb="0" eb="2">
      <t>ｈ</t>
    </rPh>
    <rPh sb="4" eb="5">
      <t>ネン</t>
    </rPh>
    <phoneticPr fontId="2"/>
  </si>
  <si>
    <t>令和元年</t>
    <rPh sb="0" eb="2">
      <t>レイワ</t>
    </rPh>
    <rPh sb="2" eb="4">
      <t>ガンネン</t>
    </rPh>
    <rPh sb="3" eb="4">
      <t>ネン</t>
    </rPh>
    <phoneticPr fontId="2"/>
  </si>
  <si>
    <t>令和２年</t>
    <rPh sb="0" eb="2">
      <t>レイワ</t>
    </rPh>
    <rPh sb="3" eb="4">
      <t>ネン</t>
    </rPh>
    <phoneticPr fontId="2"/>
  </si>
  <si>
    <t>-</t>
    <phoneticPr fontId="4"/>
  </si>
  <si>
    <t>令和３年</t>
    <rPh sb="0" eb="2">
      <t>レイワ</t>
    </rPh>
    <rPh sb="3" eb="4">
      <t>ネン</t>
    </rPh>
    <phoneticPr fontId="2"/>
  </si>
  <si>
    <t>令和４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0000&quot;年&quot;"/>
  </numFmts>
  <fonts count="5" x14ac:knownFonts="1">
    <font>
      <sz val="11"/>
      <name val="ＭＳ 明朝"/>
      <family val="1"/>
      <charset val="128"/>
    </font>
    <font>
      <sz val="11"/>
      <color theme="1"/>
      <name val="ＭＳ Ｐゴシック"/>
      <family val="2"/>
      <charset val="128"/>
      <scheme val="minor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0" fontId="1" fillId="0" borderId="0">
      <alignment vertical="center"/>
    </xf>
  </cellStyleXfs>
  <cellXfs count="43">
    <xf numFmtId="0" fontId="0" fillId="0" borderId="0" xfId="0"/>
    <xf numFmtId="0" fontId="0" fillId="0" borderId="2" xfId="0" applyBorder="1" applyAlignment="1">
      <alignment horizontal="center" vertical="center" shrinkToFit="1"/>
    </xf>
    <xf numFmtId="177" fontId="0" fillId="0" borderId="8" xfId="0" applyNumberForma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177" fontId="0" fillId="0" borderId="10" xfId="0" applyNumberForma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176" fontId="0" fillId="0" borderId="12" xfId="0" applyNumberForma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176" fontId="0" fillId="0" borderId="14" xfId="0" applyNumberFormat="1" applyBorder="1" applyAlignment="1">
      <alignment vertical="center"/>
    </xf>
    <xf numFmtId="176" fontId="0" fillId="0" borderId="11" xfId="0" applyNumberFormat="1" applyBorder="1" applyAlignment="1">
      <alignment vertical="center"/>
    </xf>
    <xf numFmtId="176" fontId="0" fillId="0" borderId="15" xfId="0" applyNumberFormat="1" applyBorder="1" applyAlignment="1">
      <alignment vertical="center"/>
    </xf>
    <xf numFmtId="176" fontId="0" fillId="0" borderId="16" xfId="0" applyNumberFormat="1" applyBorder="1" applyAlignment="1">
      <alignment vertical="center"/>
    </xf>
    <xf numFmtId="176" fontId="0" fillId="0" borderId="0" xfId="0" applyNumberFormat="1" applyBorder="1" applyAlignment="1">
      <alignment vertical="center"/>
    </xf>
    <xf numFmtId="176" fontId="0" fillId="0" borderId="17" xfId="0" applyNumberFormat="1" applyBorder="1" applyAlignment="1">
      <alignment vertical="center"/>
    </xf>
    <xf numFmtId="176" fontId="0" fillId="0" borderId="18" xfId="0" applyNumberFormat="1" applyBorder="1" applyAlignment="1">
      <alignment vertical="center"/>
    </xf>
    <xf numFmtId="176" fontId="0" fillId="0" borderId="9" xfId="0" applyNumberFormat="1" applyBorder="1" applyAlignment="1">
      <alignment vertical="center"/>
    </xf>
    <xf numFmtId="176" fontId="0" fillId="0" borderId="1" xfId="0" applyNumberFormat="1" applyBorder="1" applyAlignment="1">
      <alignment vertical="center"/>
    </xf>
    <xf numFmtId="176" fontId="0" fillId="0" borderId="7" xfId="0" applyNumberFormat="1" applyBorder="1" applyAlignment="1">
      <alignment vertical="center"/>
    </xf>
    <xf numFmtId="0" fontId="0" fillId="0" borderId="19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0" fillId="0" borderId="29" xfId="0" applyBorder="1" applyAlignment="1">
      <alignment horizontal="center" vertical="center" shrinkToFit="1"/>
    </xf>
    <xf numFmtId="0" fontId="0" fillId="0" borderId="30" xfId="0" applyBorder="1" applyAlignment="1">
      <alignment horizontal="center" vertical="center" shrinkToFit="1"/>
    </xf>
    <xf numFmtId="0" fontId="3" fillId="0" borderId="31" xfId="0" applyFont="1" applyFill="1" applyBorder="1" applyAlignment="1">
      <alignment horizontal="center" vertical="center"/>
    </xf>
    <xf numFmtId="177" fontId="0" fillId="0" borderId="32" xfId="0" applyNumberFormat="1" applyFill="1" applyBorder="1" applyAlignment="1">
      <alignment horizontal="center" vertical="center"/>
    </xf>
    <xf numFmtId="176" fontId="0" fillId="0" borderId="33" xfId="0" applyNumberFormat="1" applyBorder="1" applyAlignment="1">
      <alignment vertical="center"/>
    </xf>
    <xf numFmtId="176" fontId="0" fillId="0" borderId="34" xfId="0" applyNumberFormat="1" applyBorder="1" applyAlignment="1">
      <alignment vertical="center"/>
    </xf>
    <xf numFmtId="176" fontId="0" fillId="0" borderId="36" xfId="0" applyNumberFormat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/>
    </xf>
    <xf numFmtId="176" fontId="0" fillId="0" borderId="7" xfId="0" applyNumberFormat="1" applyBorder="1" applyAlignment="1">
      <alignment horizontal="center" vertical="center"/>
    </xf>
    <xf numFmtId="0" fontId="0" fillId="0" borderId="6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3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22" xfId="0" applyBorder="1" applyAlignment="1">
      <alignment horizontal="center" vertical="center" shrinkToFit="1"/>
    </xf>
    <xf numFmtId="0" fontId="0" fillId="0" borderId="23" xfId="0" applyFont="1" applyFill="1" applyBorder="1" applyAlignment="1">
      <alignment horizontal="center" vertical="center"/>
    </xf>
    <xf numFmtId="0" fontId="0" fillId="0" borderId="24" xfId="0" applyFont="1" applyFill="1" applyBorder="1" applyAlignment="1">
      <alignment horizontal="center" vertical="center"/>
    </xf>
    <xf numFmtId="0" fontId="0" fillId="0" borderId="25" xfId="0" applyFont="1" applyFill="1" applyBorder="1" applyAlignment="1">
      <alignment horizontal="center" vertical="center"/>
    </xf>
    <xf numFmtId="0" fontId="0" fillId="0" borderId="5" xfId="0" applyFont="1" applyFill="1" applyBorder="1" applyAlignment="1">
      <alignment horizontal="center" vertical="center"/>
    </xf>
    <xf numFmtId="0" fontId="0" fillId="0" borderId="26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176" fontId="0" fillId="0" borderId="37" xfId="0" applyNumberFormat="1" applyBorder="1" applyAlignment="1">
      <alignment vertical="center"/>
    </xf>
    <xf numFmtId="176" fontId="0" fillId="0" borderId="35" xfId="0" applyNumberFormat="1" applyBorder="1" applyAlignment="1">
      <alignment vertical="center"/>
    </xf>
  </cellXfs>
  <cellStyles count="2">
    <cellStyle name="標準" xfId="0" builtinId="0"/>
    <cellStyle name="標準 2" xfId="1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>
    <tabColor theme="0"/>
  </sheetPr>
  <dimension ref="A1:M43"/>
  <sheetViews>
    <sheetView tabSelected="1" view="pageBreakPreview" zoomScale="130" zoomScaleNormal="100" zoomScaleSheetLayoutView="130" zoomScalePageLayoutView="55" workbookViewId="0">
      <pane ySplit="16" topLeftCell="A29" activePane="bottomLeft" state="frozen"/>
      <selection pane="bottomLeft" activeCell="C45" sqref="C45"/>
    </sheetView>
  </sheetViews>
  <sheetFormatPr defaultRowHeight="13.2" x14ac:dyDescent="0.2"/>
  <cols>
    <col min="2" max="2" width="11.6640625" customWidth="1"/>
    <col min="3" max="13" width="10" customWidth="1"/>
  </cols>
  <sheetData>
    <row r="1" spans="1:13" ht="17.25" customHeight="1" x14ac:dyDescent="0.2">
      <c r="A1" s="34" t="s">
        <v>12</v>
      </c>
      <c r="B1" s="36" t="s">
        <v>13</v>
      </c>
      <c r="C1" s="38" t="s">
        <v>5</v>
      </c>
      <c r="D1" s="29" t="s">
        <v>6</v>
      </c>
      <c r="E1" s="29"/>
      <c r="F1" s="29"/>
      <c r="G1" s="29" t="s">
        <v>7</v>
      </c>
      <c r="H1" s="40"/>
      <c r="I1" s="29" t="s">
        <v>8</v>
      </c>
      <c r="J1" s="29"/>
      <c r="K1" s="18" t="s">
        <v>1</v>
      </c>
      <c r="L1" s="30" t="s">
        <v>3</v>
      </c>
      <c r="M1" s="32" t="s">
        <v>4</v>
      </c>
    </row>
    <row r="2" spans="1:13" ht="17.25" customHeight="1" x14ac:dyDescent="0.2">
      <c r="A2" s="35"/>
      <c r="B2" s="37"/>
      <c r="C2" s="39"/>
      <c r="D2" s="19" t="s">
        <v>9</v>
      </c>
      <c r="E2" s="21" t="s">
        <v>10</v>
      </c>
      <c r="F2" s="20" t="s">
        <v>0</v>
      </c>
      <c r="G2" s="19" t="s">
        <v>9</v>
      </c>
      <c r="H2" s="20" t="s">
        <v>10</v>
      </c>
      <c r="I2" s="19" t="s">
        <v>11</v>
      </c>
      <c r="J2" s="20" t="s">
        <v>10</v>
      </c>
      <c r="K2" s="1" t="s">
        <v>2</v>
      </c>
      <c r="L2" s="31"/>
      <c r="M2" s="33"/>
    </row>
    <row r="3" spans="1:13" hidden="1" x14ac:dyDescent="0.2">
      <c r="A3" s="4">
        <v>1982</v>
      </c>
      <c r="B3" s="5" t="s">
        <v>42</v>
      </c>
      <c r="C3" s="6">
        <f t="shared" ref="C3:C16" si="0">SUM(D3:H3,I3:M3)</f>
        <v>12120</v>
      </c>
      <c r="D3" s="7">
        <v>799</v>
      </c>
      <c r="E3" s="8">
        <v>1941</v>
      </c>
      <c r="F3" s="9">
        <v>48</v>
      </c>
      <c r="G3" s="7">
        <v>22</v>
      </c>
      <c r="H3" s="6">
        <v>21</v>
      </c>
      <c r="I3" s="7">
        <v>90</v>
      </c>
      <c r="J3" s="9">
        <v>8085</v>
      </c>
      <c r="K3" s="10">
        <v>641</v>
      </c>
      <c r="L3" s="10">
        <v>98</v>
      </c>
      <c r="M3" s="11">
        <v>375</v>
      </c>
    </row>
    <row r="4" spans="1:13" hidden="1" x14ac:dyDescent="0.2">
      <c r="A4" s="2">
        <v>1983</v>
      </c>
      <c r="B4" s="3" t="s">
        <v>43</v>
      </c>
      <c r="C4" s="12">
        <f t="shared" si="0"/>
        <v>13477</v>
      </c>
      <c r="D4" s="13">
        <v>890</v>
      </c>
      <c r="E4" s="14">
        <v>1980</v>
      </c>
      <c r="F4" s="15">
        <v>68</v>
      </c>
      <c r="G4" s="13">
        <v>30</v>
      </c>
      <c r="H4" s="12">
        <v>21</v>
      </c>
      <c r="I4" s="13">
        <v>91</v>
      </c>
      <c r="J4" s="15">
        <v>8721</v>
      </c>
      <c r="K4" s="16">
        <v>659</v>
      </c>
      <c r="L4" s="16">
        <v>116</v>
      </c>
      <c r="M4" s="17">
        <v>901</v>
      </c>
    </row>
    <row r="5" spans="1:13" hidden="1" x14ac:dyDescent="0.2">
      <c r="A5" s="2">
        <v>1984</v>
      </c>
      <c r="B5" s="3" t="s">
        <v>44</v>
      </c>
      <c r="C5" s="12">
        <f t="shared" si="0"/>
        <v>14433</v>
      </c>
      <c r="D5" s="13">
        <v>977</v>
      </c>
      <c r="E5" s="14">
        <v>1969</v>
      </c>
      <c r="F5" s="15">
        <v>65</v>
      </c>
      <c r="G5" s="13">
        <v>30</v>
      </c>
      <c r="H5" s="12">
        <v>22</v>
      </c>
      <c r="I5" s="13">
        <v>101</v>
      </c>
      <c r="J5" s="15">
        <v>9338</v>
      </c>
      <c r="K5" s="16">
        <v>725</v>
      </c>
      <c r="L5" s="16">
        <v>145</v>
      </c>
      <c r="M5" s="17">
        <v>1061</v>
      </c>
    </row>
    <row r="6" spans="1:13" hidden="1" x14ac:dyDescent="0.2">
      <c r="A6" s="2">
        <v>1985</v>
      </c>
      <c r="B6" s="3" t="s">
        <v>14</v>
      </c>
      <c r="C6" s="12">
        <f t="shared" si="0"/>
        <v>15466</v>
      </c>
      <c r="D6" s="13">
        <v>1064</v>
      </c>
      <c r="E6" s="14">
        <v>2039</v>
      </c>
      <c r="F6" s="15">
        <v>105</v>
      </c>
      <c r="G6" s="13">
        <v>38</v>
      </c>
      <c r="H6" s="12">
        <v>21</v>
      </c>
      <c r="I6" s="13">
        <v>114</v>
      </c>
      <c r="J6" s="15">
        <v>9833</v>
      </c>
      <c r="K6" s="16">
        <v>777</v>
      </c>
      <c r="L6" s="16">
        <v>180</v>
      </c>
      <c r="M6" s="17">
        <v>1295</v>
      </c>
    </row>
    <row r="7" spans="1:13" hidden="1" x14ac:dyDescent="0.2">
      <c r="A7" s="2">
        <v>1986</v>
      </c>
      <c r="B7" s="3" t="s">
        <v>15</v>
      </c>
      <c r="C7" s="12">
        <f t="shared" si="0"/>
        <v>16540</v>
      </c>
      <c r="D7" s="13">
        <v>1148</v>
      </c>
      <c r="E7" s="14">
        <v>2093</v>
      </c>
      <c r="F7" s="15">
        <v>135</v>
      </c>
      <c r="G7" s="13">
        <v>50</v>
      </c>
      <c r="H7" s="12">
        <v>23</v>
      </c>
      <c r="I7" s="13">
        <v>125</v>
      </c>
      <c r="J7" s="15">
        <v>10317</v>
      </c>
      <c r="K7" s="16">
        <v>839</v>
      </c>
      <c r="L7" s="16">
        <v>201</v>
      </c>
      <c r="M7" s="17">
        <v>1609</v>
      </c>
    </row>
    <row r="8" spans="1:13" hidden="1" x14ac:dyDescent="0.2">
      <c r="A8" s="2">
        <v>1987</v>
      </c>
      <c r="B8" s="3" t="s">
        <v>16</v>
      </c>
      <c r="C8" s="12">
        <f t="shared" si="0"/>
        <v>18062</v>
      </c>
      <c r="D8" s="13">
        <v>1307</v>
      </c>
      <c r="E8" s="14">
        <v>2206</v>
      </c>
      <c r="F8" s="15">
        <v>217</v>
      </c>
      <c r="G8" s="13">
        <v>60</v>
      </c>
      <c r="H8" s="12">
        <v>25</v>
      </c>
      <c r="I8" s="13">
        <v>137</v>
      </c>
      <c r="J8" s="15">
        <v>10989</v>
      </c>
      <c r="K8" s="16">
        <v>926</v>
      </c>
      <c r="L8" s="16">
        <v>260</v>
      </c>
      <c r="M8" s="17">
        <v>1935</v>
      </c>
    </row>
    <row r="9" spans="1:13" hidden="1" x14ac:dyDescent="0.2">
      <c r="A9" s="2">
        <v>1988</v>
      </c>
      <c r="B9" s="3" t="s">
        <v>23</v>
      </c>
      <c r="C9" s="12">
        <f t="shared" si="0"/>
        <v>19702</v>
      </c>
      <c r="D9" s="13">
        <v>1487</v>
      </c>
      <c r="E9" s="14">
        <v>2376</v>
      </c>
      <c r="F9" s="15">
        <v>303</v>
      </c>
      <c r="G9" s="13">
        <v>77</v>
      </c>
      <c r="H9" s="12">
        <v>28</v>
      </c>
      <c r="I9" s="13">
        <v>164</v>
      </c>
      <c r="J9" s="15">
        <v>11659</v>
      </c>
      <c r="K9" s="16">
        <v>1043</v>
      </c>
      <c r="L9" s="16">
        <v>282</v>
      </c>
      <c r="M9" s="17">
        <v>2283</v>
      </c>
    </row>
    <row r="10" spans="1:13" hidden="1" x14ac:dyDescent="0.2">
      <c r="A10" s="2">
        <v>1989</v>
      </c>
      <c r="B10" s="3" t="s">
        <v>17</v>
      </c>
      <c r="C10" s="12">
        <f t="shared" si="0"/>
        <v>21560</v>
      </c>
      <c r="D10" s="13">
        <v>1669</v>
      </c>
      <c r="E10" s="14">
        <v>2526</v>
      </c>
      <c r="F10" s="15">
        <v>342</v>
      </c>
      <c r="G10" s="13">
        <v>92</v>
      </c>
      <c r="H10" s="12">
        <v>28</v>
      </c>
      <c r="I10" s="13">
        <v>223</v>
      </c>
      <c r="J10" s="15">
        <v>12554</v>
      </c>
      <c r="K10" s="16">
        <v>1165</v>
      </c>
      <c r="L10" s="16">
        <v>289</v>
      </c>
      <c r="M10" s="17">
        <v>2672</v>
      </c>
    </row>
    <row r="11" spans="1:13" hidden="1" x14ac:dyDescent="0.2">
      <c r="A11" s="2">
        <v>1990</v>
      </c>
      <c r="B11" s="3" t="s">
        <v>24</v>
      </c>
      <c r="C11" s="12">
        <f t="shared" si="0"/>
        <v>23612</v>
      </c>
      <c r="D11" s="13">
        <v>1917</v>
      </c>
      <c r="E11" s="14">
        <v>2690</v>
      </c>
      <c r="F11" s="15">
        <v>388</v>
      </c>
      <c r="G11" s="13">
        <v>106</v>
      </c>
      <c r="H11" s="12">
        <v>36</v>
      </c>
      <c r="I11" s="13">
        <v>354</v>
      </c>
      <c r="J11" s="15">
        <v>13534</v>
      </c>
      <c r="K11" s="16">
        <v>1295</v>
      </c>
      <c r="L11" s="16">
        <v>281</v>
      </c>
      <c r="M11" s="17">
        <v>3011</v>
      </c>
    </row>
    <row r="12" spans="1:13" hidden="1" x14ac:dyDescent="0.2">
      <c r="A12" s="2">
        <v>1991</v>
      </c>
      <c r="B12" s="3" t="s">
        <v>25</v>
      </c>
      <c r="C12" s="12">
        <f t="shared" si="0"/>
        <v>25567</v>
      </c>
      <c r="D12" s="13">
        <v>2131</v>
      </c>
      <c r="E12" s="14">
        <v>2845</v>
      </c>
      <c r="F12" s="15">
        <v>420</v>
      </c>
      <c r="G12" s="13">
        <v>113</v>
      </c>
      <c r="H12" s="12">
        <v>45</v>
      </c>
      <c r="I12" s="13">
        <v>649</v>
      </c>
      <c r="J12" s="15">
        <v>14377</v>
      </c>
      <c r="K12" s="16">
        <v>1452</v>
      </c>
      <c r="L12" s="16">
        <v>301</v>
      </c>
      <c r="M12" s="17">
        <v>3234</v>
      </c>
    </row>
    <row r="13" spans="1:13" hidden="1" x14ac:dyDescent="0.2">
      <c r="A13" s="2">
        <v>1992</v>
      </c>
      <c r="B13" s="3" t="s">
        <v>26</v>
      </c>
      <c r="C13" s="12">
        <f t="shared" si="0"/>
        <v>27449</v>
      </c>
      <c r="D13" s="13">
        <v>2300</v>
      </c>
      <c r="E13" s="14">
        <v>3004</v>
      </c>
      <c r="F13" s="15">
        <v>476</v>
      </c>
      <c r="G13" s="13">
        <v>132</v>
      </c>
      <c r="H13" s="12">
        <v>52</v>
      </c>
      <c r="I13" s="13">
        <v>1120</v>
      </c>
      <c r="J13" s="15">
        <v>15010</v>
      </c>
      <c r="K13" s="16">
        <v>1556</v>
      </c>
      <c r="L13" s="16">
        <v>302</v>
      </c>
      <c r="M13" s="17">
        <v>3497</v>
      </c>
    </row>
    <row r="14" spans="1:13" hidden="1" x14ac:dyDescent="0.2">
      <c r="A14" s="2">
        <v>1993</v>
      </c>
      <c r="B14" s="3" t="s">
        <v>27</v>
      </c>
      <c r="C14" s="12">
        <f t="shared" si="0"/>
        <v>28921</v>
      </c>
      <c r="D14" s="13">
        <v>2404</v>
      </c>
      <c r="E14" s="14">
        <v>2986</v>
      </c>
      <c r="F14" s="15">
        <v>513</v>
      </c>
      <c r="G14" s="13">
        <v>141</v>
      </c>
      <c r="H14" s="12">
        <v>57</v>
      </c>
      <c r="I14" s="13">
        <v>1712</v>
      </c>
      <c r="J14" s="15">
        <v>15341</v>
      </c>
      <c r="K14" s="16">
        <v>1653</v>
      </c>
      <c r="L14" s="16">
        <v>321</v>
      </c>
      <c r="M14" s="17">
        <v>3793</v>
      </c>
    </row>
    <row r="15" spans="1:13" hidden="1" x14ac:dyDescent="0.2">
      <c r="A15" s="2">
        <v>1994</v>
      </c>
      <c r="B15" s="3" t="s">
        <v>28</v>
      </c>
      <c r="C15" s="12">
        <f t="shared" si="0"/>
        <v>30736</v>
      </c>
      <c r="D15" s="13">
        <v>2644</v>
      </c>
      <c r="E15" s="14">
        <v>3018</v>
      </c>
      <c r="F15" s="15">
        <v>615</v>
      </c>
      <c r="G15" s="13">
        <v>146</v>
      </c>
      <c r="H15" s="12">
        <v>57</v>
      </c>
      <c r="I15" s="13">
        <v>2312</v>
      </c>
      <c r="J15" s="15">
        <v>15580</v>
      </c>
      <c r="K15" s="16">
        <v>1929</v>
      </c>
      <c r="L15" s="16">
        <v>354</v>
      </c>
      <c r="M15" s="17">
        <v>4081</v>
      </c>
    </row>
    <row r="16" spans="1:13" hidden="1" x14ac:dyDescent="0.2">
      <c r="A16" s="2">
        <v>1995</v>
      </c>
      <c r="B16" s="3" t="s">
        <v>29</v>
      </c>
      <c r="C16" s="12">
        <f t="shared" si="0"/>
        <v>32631</v>
      </c>
      <c r="D16" s="13">
        <v>2798</v>
      </c>
      <c r="E16" s="14">
        <v>3100</v>
      </c>
      <c r="F16" s="15">
        <v>653</v>
      </c>
      <c r="G16" s="13">
        <v>150</v>
      </c>
      <c r="H16" s="12">
        <v>58</v>
      </c>
      <c r="I16" s="13">
        <v>3065</v>
      </c>
      <c r="J16" s="15">
        <v>15814</v>
      </c>
      <c r="K16" s="16">
        <v>2106</v>
      </c>
      <c r="L16" s="16">
        <v>419</v>
      </c>
      <c r="M16" s="17">
        <v>4468</v>
      </c>
    </row>
    <row r="17" spans="1:13" ht="19.5" customHeight="1" x14ac:dyDescent="0.2">
      <c r="A17" s="2">
        <v>1996</v>
      </c>
      <c r="B17" s="3" t="s">
        <v>30</v>
      </c>
      <c r="C17" s="12">
        <v>33872</v>
      </c>
      <c r="D17" s="13">
        <v>3027</v>
      </c>
      <c r="E17" s="14">
        <v>3178</v>
      </c>
      <c r="F17" s="15">
        <v>744</v>
      </c>
      <c r="G17" s="13">
        <v>148</v>
      </c>
      <c r="H17" s="12">
        <v>59</v>
      </c>
      <c r="I17" s="13">
        <v>3941</v>
      </c>
      <c r="J17" s="15">
        <v>15877</v>
      </c>
      <c r="K17" s="16">
        <v>1734</v>
      </c>
      <c r="L17" s="16">
        <v>425</v>
      </c>
      <c r="M17" s="17">
        <v>4739</v>
      </c>
    </row>
    <row r="18" spans="1:13" ht="19.5" customHeight="1" x14ac:dyDescent="0.2">
      <c r="A18" s="2">
        <v>1997</v>
      </c>
      <c r="B18" s="3" t="s">
        <v>31</v>
      </c>
      <c r="C18" s="12">
        <v>35217</v>
      </c>
      <c r="D18" s="13">
        <v>3217</v>
      </c>
      <c r="E18" s="14">
        <v>3090</v>
      </c>
      <c r="F18" s="15">
        <v>839</v>
      </c>
      <c r="G18" s="13">
        <v>147</v>
      </c>
      <c r="H18" s="12">
        <v>67</v>
      </c>
      <c r="I18" s="13">
        <v>4640</v>
      </c>
      <c r="J18" s="15">
        <v>15724</v>
      </c>
      <c r="K18" s="16">
        <v>1895</v>
      </c>
      <c r="L18" s="16">
        <v>442</v>
      </c>
      <c r="M18" s="17">
        <v>5156</v>
      </c>
    </row>
    <row r="19" spans="1:13" ht="19.5" customHeight="1" x14ac:dyDescent="0.2">
      <c r="A19" s="2">
        <v>1998</v>
      </c>
      <c r="B19" s="3" t="s">
        <v>18</v>
      </c>
      <c r="C19" s="12">
        <v>36376</v>
      </c>
      <c r="D19" s="13">
        <v>3370</v>
      </c>
      <c r="E19" s="14">
        <v>3028</v>
      </c>
      <c r="F19" s="15">
        <v>881</v>
      </c>
      <c r="G19" s="13">
        <v>209</v>
      </c>
      <c r="H19" s="12">
        <v>71</v>
      </c>
      <c r="I19" s="13">
        <v>5196</v>
      </c>
      <c r="J19" s="15">
        <v>15601</v>
      </c>
      <c r="K19" s="16">
        <v>2095</v>
      </c>
      <c r="L19" s="16">
        <v>480</v>
      </c>
      <c r="M19" s="17">
        <v>5445</v>
      </c>
    </row>
    <row r="20" spans="1:13" ht="19.5" customHeight="1" x14ac:dyDescent="0.2">
      <c r="A20" s="2">
        <v>1999</v>
      </c>
      <c r="B20" s="3" t="s">
        <v>19</v>
      </c>
      <c r="C20" s="12">
        <v>37538</v>
      </c>
      <c r="D20" s="13">
        <v>3409</v>
      </c>
      <c r="E20" s="14">
        <v>2995</v>
      </c>
      <c r="F20" s="15">
        <v>908</v>
      </c>
      <c r="G20" s="13">
        <v>210</v>
      </c>
      <c r="H20" s="12">
        <v>68</v>
      </c>
      <c r="I20" s="13">
        <v>5711</v>
      </c>
      <c r="J20" s="15">
        <v>15471</v>
      </c>
      <c r="K20" s="16">
        <v>2314</v>
      </c>
      <c r="L20" s="16">
        <v>504</v>
      </c>
      <c r="M20" s="17">
        <v>5948</v>
      </c>
    </row>
    <row r="21" spans="1:13" ht="19.5" customHeight="1" x14ac:dyDescent="0.2">
      <c r="A21" s="2">
        <v>2000</v>
      </c>
      <c r="B21" s="3" t="s">
        <v>20</v>
      </c>
      <c r="C21" s="12">
        <v>38832</v>
      </c>
      <c r="D21" s="13">
        <v>3456</v>
      </c>
      <c r="E21" s="14">
        <v>2993</v>
      </c>
      <c r="F21" s="15">
        <v>766</v>
      </c>
      <c r="G21" s="13">
        <v>195</v>
      </c>
      <c r="H21" s="12">
        <v>63</v>
      </c>
      <c r="I21" s="13">
        <v>6309</v>
      </c>
      <c r="J21" s="15">
        <v>15449</v>
      </c>
      <c r="K21" s="16">
        <v>2594</v>
      </c>
      <c r="L21" s="16">
        <v>545</v>
      </c>
      <c r="M21" s="17">
        <v>6462</v>
      </c>
    </row>
    <row r="22" spans="1:13" ht="19.5" customHeight="1" x14ac:dyDescent="0.2">
      <c r="A22" s="2">
        <v>2001</v>
      </c>
      <c r="B22" s="3" t="s">
        <v>32</v>
      </c>
      <c r="C22" s="12">
        <v>39806</v>
      </c>
      <c r="D22" s="13">
        <v>3470</v>
      </c>
      <c r="E22" s="14">
        <v>2936</v>
      </c>
      <c r="F22" s="15">
        <v>824</v>
      </c>
      <c r="G22" s="13">
        <v>196</v>
      </c>
      <c r="H22" s="12">
        <v>62</v>
      </c>
      <c r="I22" s="13">
        <v>6751</v>
      </c>
      <c r="J22" s="15">
        <v>15346</v>
      </c>
      <c r="K22" s="16">
        <v>2708</v>
      </c>
      <c r="L22" s="16">
        <v>571</v>
      </c>
      <c r="M22" s="17">
        <v>6942</v>
      </c>
    </row>
    <row r="23" spans="1:13" ht="19.5" customHeight="1" x14ac:dyDescent="0.2">
      <c r="A23" s="2">
        <v>2002</v>
      </c>
      <c r="B23" s="3" t="s">
        <v>33</v>
      </c>
      <c r="C23" s="12">
        <v>40780</v>
      </c>
      <c r="D23" s="13">
        <v>3566</v>
      </c>
      <c r="E23" s="14">
        <v>2821</v>
      </c>
      <c r="F23" s="15">
        <v>825</v>
      </c>
      <c r="G23" s="13">
        <v>209</v>
      </c>
      <c r="H23" s="12">
        <v>81</v>
      </c>
      <c r="I23" s="13">
        <v>7264</v>
      </c>
      <c r="J23" s="15">
        <v>15189</v>
      </c>
      <c r="K23" s="16">
        <v>2802</v>
      </c>
      <c r="L23" s="16">
        <v>543</v>
      </c>
      <c r="M23" s="17">
        <v>7480</v>
      </c>
    </row>
    <row r="24" spans="1:13" ht="19.5" customHeight="1" x14ac:dyDescent="0.2">
      <c r="A24" s="2">
        <v>2003</v>
      </c>
      <c r="B24" s="3" t="s">
        <v>34</v>
      </c>
      <c r="C24" s="12">
        <v>41301</v>
      </c>
      <c r="D24" s="13">
        <v>3533</v>
      </c>
      <c r="E24" s="14">
        <v>2732</v>
      </c>
      <c r="F24" s="15">
        <v>768</v>
      </c>
      <c r="G24" s="13">
        <v>212</v>
      </c>
      <c r="H24" s="12">
        <v>71</v>
      </c>
      <c r="I24" s="13">
        <v>7791</v>
      </c>
      <c r="J24" s="15">
        <v>14827</v>
      </c>
      <c r="K24" s="16">
        <v>2835</v>
      </c>
      <c r="L24" s="16">
        <v>553</v>
      </c>
      <c r="M24" s="17">
        <v>7979</v>
      </c>
    </row>
    <row r="25" spans="1:13" ht="19.5" customHeight="1" x14ac:dyDescent="0.2">
      <c r="A25" s="2">
        <v>2004</v>
      </c>
      <c r="B25" s="3" t="s">
        <v>35</v>
      </c>
      <c r="C25" s="12">
        <v>47331</v>
      </c>
      <c r="D25" s="13">
        <v>3931</v>
      </c>
      <c r="E25" s="14">
        <v>3090</v>
      </c>
      <c r="F25" s="15">
        <v>777</v>
      </c>
      <c r="G25" s="13">
        <v>219</v>
      </c>
      <c r="H25" s="12">
        <v>90</v>
      </c>
      <c r="I25" s="13">
        <v>9387</v>
      </c>
      <c r="J25" s="15">
        <v>14416</v>
      </c>
      <c r="K25" s="16">
        <v>3184</v>
      </c>
      <c r="L25" s="16">
        <v>616</v>
      </c>
      <c r="M25" s="17">
        <v>6921</v>
      </c>
    </row>
    <row r="26" spans="1:13" ht="19.5" customHeight="1" x14ac:dyDescent="0.2">
      <c r="A26" s="2">
        <v>2005</v>
      </c>
      <c r="B26" s="3" t="s">
        <v>21</v>
      </c>
      <c r="C26" s="12">
        <v>47407</v>
      </c>
      <c r="D26" s="13">
        <v>4007</v>
      </c>
      <c r="E26" s="14">
        <v>3075</v>
      </c>
      <c r="F26" s="15">
        <v>756</v>
      </c>
      <c r="G26" s="13">
        <v>206</v>
      </c>
      <c r="H26" s="12">
        <v>88</v>
      </c>
      <c r="I26" s="13">
        <v>9288</v>
      </c>
      <c r="J26" s="15">
        <v>15973</v>
      </c>
      <c r="K26" s="16">
        <v>3205</v>
      </c>
      <c r="L26" s="16">
        <v>621</v>
      </c>
      <c r="M26" s="17">
        <v>10194</v>
      </c>
    </row>
    <row r="27" spans="1:13" ht="19.5" customHeight="1" x14ac:dyDescent="0.2">
      <c r="A27" s="2">
        <v>2006</v>
      </c>
      <c r="B27" s="3" t="s">
        <v>36</v>
      </c>
      <c r="C27" s="12">
        <v>47445</v>
      </c>
      <c r="D27" s="13">
        <v>4146</v>
      </c>
      <c r="E27" s="14">
        <v>2888</v>
      </c>
      <c r="F27" s="15">
        <v>721</v>
      </c>
      <c r="G27" s="13">
        <v>248</v>
      </c>
      <c r="H27" s="12">
        <v>94</v>
      </c>
      <c r="I27" s="13">
        <v>9304</v>
      </c>
      <c r="J27" s="15">
        <v>15522</v>
      </c>
      <c r="K27" s="16">
        <v>3178</v>
      </c>
      <c r="L27" s="16">
        <v>604</v>
      </c>
      <c r="M27" s="17">
        <v>10719</v>
      </c>
    </row>
    <row r="28" spans="1:13" ht="19.5" customHeight="1" x14ac:dyDescent="0.2">
      <c r="A28" s="2">
        <v>2007</v>
      </c>
      <c r="B28" s="3" t="s">
        <v>37</v>
      </c>
      <c r="C28" s="12">
        <v>47511</v>
      </c>
      <c r="D28" s="13">
        <v>4256</v>
      </c>
      <c r="E28" s="14">
        <v>2928</v>
      </c>
      <c r="F28" s="15">
        <v>658</v>
      </c>
      <c r="G28" s="13">
        <v>244</v>
      </c>
      <c r="H28" s="12">
        <v>101</v>
      </c>
      <c r="I28" s="13">
        <v>9393</v>
      </c>
      <c r="J28" s="15">
        <v>14856</v>
      </c>
      <c r="K28" s="16">
        <v>3156</v>
      </c>
      <c r="L28" s="16">
        <v>611</v>
      </c>
      <c r="M28" s="17">
        <v>11308</v>
      </c>
    </row>
    <row r="29" spans="1:13" ht="19.5" customHeight="1" x14ac:dyDescent="0.2">
      <c r="A29" s="2">
        <v>2008</v>
      </c>
      <c r="B29" s="3" t="s">
        <v>38</v>
      </c>
      <c r="C29" s="12">
        <v>47387</v>
      </c>
      <c r="D29" s="13">
        <v>4172</v>
      </c>
      <c r="E29" s="14">
        <v>2799</v>
      </c>
      <c r="F29" s="15">
        <v>671</v>
      </c>
      <c r="G29" s="13">
        <v>243</v>
      </c>
      <c r="H29" s="12">
        <v>103</v>
      </c>
      <c r="I29" s="13">
        <v>9288</v>
      </c>
      <c r="J29" s="15">
        <v>14354</v>
      </c>
      <c r="K29" s="16">
        <v>3175</v>
      </c>
      <c r="L29" s="16">
        <v>604</v>
      </c>
      <c r="M29" s="17">
        <v>11978</v>
      </c>
    </row>
    <row r="30" spans="1:13" ht="19.5" customHeight="1" x14ac:dyDescent="0.2">
      <c r="A30" s="2">
        <v>2009</v>
      </c>
      <c r="B30" s="3" t="s">
        <v>39</v>
      </c>
      <c r="C30" s="12">
        <v>47172</v>
      </c>
      <c r="D30" s="13">
        <v>4003</v>
      </c>
      <c r="E30" s="14">
        <v>2766</v>
      </c>
      <c r="F30" s="15">
        <v>652</v>
      </c>
      <c r="G30" s="13">
        <v>228</v>
      </c>
      <c r="H30" s="12">
        <v>100</v>
      </c>
      <c r="I30" s="13">
        <v>9076</v>
      </c>
      <c r="J30" s="15">
        <v>14076</v>
      </c>
      <c r="K30" s="16">
        <v>3200</v>
      </c>
      <c r="L30" s="16">
        <v>611</v>
      </c>
      <c r="M30" s="17">
        <v>12460</v>
      </c>
    </row>
    <row r="31" spans="1:13" ht="19.5" customHeight="1" x14ac:dyDescent="0.2">
      <c r="A31" s="2">
        <v>2010</v>
      </c>
      <c r="B31" s="3" t="s">
        <v>22</v>
      </c>
      <c r="C31" s="12">
        <v>47543</v>
      </c>
      <c r="D31" s="13">
        <v>4012</v>
      </c>
      <c r="E31" s="14">
        <v>2746</v>
      </c>
      <c r="F31" s="15">
        <v>651</v>
      </c>
      <c r="G31" s="13">
        <v>233</v>
      </c>
      <c r="H31" s="12">
        <v>102</v>
      </c>
      <c r="I31" s="13">
        <v>9147</v>
      </c>
      <c r="J31" s="15">
        <v>13869</v>
      </c>
      <c r="K31" s="16">
        <v>3379</v>
      </c>
      <c r="L31" s="16">
        <v>613</v>
      </c>
      <c r="M31" s="17">
        <v>12791</v>
      </c>
    </row>
    <row r="32" spans="1:13" ht="19.5" customHeight="1" x14ac:dyDescent="0.2">
      <c r="A32" s="2">
        <v>2011</v>
      </c>
      <c r="B32" s="3" t="s">
        <v>40</v>
      </c>
      <c r="C32" s="12">
        <v>48334</v>
      </c>
      <c r="D32" s="13">
        <v>3967</v>
      </c>
      <c r="E32" s="14">
        <v>2691</v>
      </c>
      <c r="F32" s="15">
        <v>653</v>
      </c>
      <c r="G32" s="13">
        <v>238</v>
      </c>
      <c r="H32" s="12">
        <v>101</v>
      </c>
      <c r="I32" s="13">
        <v>9482</v>
      </c>
      <c r="J32" s="15">
        <v>13841</v>
      </c>
      <c r="K32" s="16">
        <v>3537</v>
      </c>
      <c r="L32" s="16">
        <v>631</v>
      </c>
      <c r="M32" s="17">
        <v>13193</v>
      </c>
    </row>
    <row r="33" spans="1:13" ht="19.5" customHeight="1" x14ac:dyDescent="0.2">
      <c r="A33" s="2">
        <v>2012</v>
      </c>
      <c r="B33" s="3" t="s">
        <v>41</v>
      </c>
      <c r="C33" s="12">
        <v>48779</v>
      </c>
      <c r="D33" s="13">
        <v>4010</v>
      </c>
      <c r="E33" s="14">
        <v>2656</v>
      </c>
      <c r="F33" s="15">
        <v>673</v>
      </c>
      <c r="G33" s="13">
        <v>236</v>
      </c>
      <c r="H33" s="12">
        <v>103</v>
      </c>
      <c r="I33" s="13">
        <v>9590</v>
      </c>
      <c r="J33" s="15">
        <v>13611</v>
      </c>
      <c r="K33" s="16">
        <v>3622</v>
      </c>
      <c r="L33" s="16">
        <v>642</v>
      </c>
      <c r="M33" s="17">
        <v>13636</v>
      </c>
    </row>
    <row r="34" spans="1:13" ht="19.5" customHeight="1" x14ac:dyDescent="0.2">
      <c r="A34" s="2">
        <v>2013</v>
      </c>
      <c r="B34" s="3" t="s">
        <v>45</v>
      </c>
      <c r="C34" s="12">
        <v>49532</v>
      </c>
      <c r="D34" s="13">
        <v>4117</v>
      </c>
      <c r="E34" s="14">
        <v>2705</v>
      </c>
      <c r="F34" s="15">
        <v>624</v>
      </c>
      <c r="G34" s="13">
        <v>226</v>
      </c>
      <c r="H34" s="12">
        <v>104</v>
      </c>
      <c r="I34" s="13">
        <v>9818</v>
      </c>
      <c r="J34" s="15">
        <v>13355</v>
      </c>
      <c r="K34" s="16">
        <v>3822</v>
      </c>
      <c r="L34" s="16">
        <v>650</v>
      </c>
      <c r="M34" s="17">
        <v>14111</v>
      </c>
    </row>
    <row r="35" spans="1:13" ht="19.5" customHeight="1" x14ac:dyDescent="0.2">
      <c r="A35" s="2">
        <v>2014</v>
      </c>
      <c r="B35" s="3" t="s">
        <v>46</v>
      </c>
      <c r="C35" s="12">
        <v>49858</v>
      </c>
      <c r="D35" s="13">
        <v>4258</v>
      </c>
      <c r="E35" s="14">
        <v>2723</v>
      </c>
      <c r="F35" s="15">
        <v>622</v>
      </c>
      <c r="G35" s="13">
        <v>221</v>
      </c>
      <c r="H35" s="12">
        <v>95</v>
      </c>
      <c r="I35" s="13">
        <v>9795</v>
      </c>
      <c r="J35" s="15">
        <v>13016</v>
      </c>
      <c r="K35" s="16">
        <v>3997</v>
      </c>
      <c r="L35" s="16">
        <v>660</v>
      </c>
      <c r="M35" s="17">
        <v>14471</v>
      </c>
    </row>
    <row r="36" spans="1:13" ht="19.5" customHeight="1" x14ac:dyDescent="0.2">
      <c r="A36" s="2">
        <v>2015</v>
      </c>
      <c r="B36" s="22" t="s">
        <v>47</v>
      </c>
      <c r="C36" s="16">
        <v>50028</v>
      </c>
      <c r="D36" s="13">
        <v>4330</v>
      </c>
      <c r="E36" s="14">
        <v>2749</v>
      </c>
      <c r="F36" s="15">
        <v>541</v>
      </c>
      <c r="G36" s="13">
        <v>225</v>
      </c>
      <c r="H36" s="15">
        <v>95</v>
      </c>
      <c r="I36" s="13">
        <v>9938</v>
      </c>
      <c r="J36" s="15">
        <v>12785</v>
      </c>
      <c r="K36" s="16">
        <v>4009</v>
      </c>
      <c r="L36" s="16">
        <v>675</v>
      </c>
      <c r="M36" s="17">
        <v>14681</v>
      </c>
    </row>
    <row r="37" spans="1:13" ht="18.75" customHeight="1" x14ac:dyDescent="0.2">
      <c r="A37" s="2">
        <v>2016</v>
      </c>
      <c r="B37" s="22" t="s">
        <v>48</v>
      </c>
      <c r="C37" s="16">
        <v>50028</v>
      </c>
      <c r="D37" s="13">
        <v>4330</v>
      </c>
      <c r="E37" s="14">
        <v>2749</v>
      </c>
      <c r="F37" s="15">
        <v>541</v>
      </c>
      <c r="G37" s="13">
        <v>225</v>
      </c>
      <c r="H37" s="15">
        <v>95</v>
      </c>
      <c r="I37" s="13">
        <v>9938</v>
      </c>
      <c r="J37" s="15">
        <v>12785</v>
      </c>
      <c r="K37" s="16">
        <v>4009</v>
      </c>
      <c r="L37" s="16">
        <v>675</v>
      </c>
      <c r="M37" s="17">
        <v>14681</v>
      </c>
    </row>
    <row r="38" spans="1:13" ht="18.75" customHeight="1" x14ac:dyDescent="0.2">
      <c r="A38" s="2">
        <v>2017</v>
      </c>
      <c r="B38" s="22" t="s">
        <v>49</v>
      </c>
      <c r="C38" s="16">
        <v>50375</v>
      </c>
      <c r="D38" s="13">
        <v>4432</v>
      </c>
      <c r="E38" s="14">
        <v>2782</v>
      </c>
      <c r="F38" s="15">
        <v>534</v>
      </c>
      <c r="G38" s="13">
        <v>221</v>
      </c>
      <c r="H38" s="15">
        <v>97</v>
      </c>
      <c r="I38" s="13">
        <v>10155</v>
      </c>
      <c r="J38" s="15">
        <v>12511</v>
      </c>
      <c r="K38" s="16">
        <v>4207</v>
      </c>
      <c r="L38" s="16">
        <v>670</v>
      </c>
      <c r="M38" s="17">
        <v>14766</v>
      </c>
    </row>
    <row r="39" spans="1:13" ht="18.75" customHeight="1" x14ac:dyDescent="0.2">
      <c r="A39" s="2">
        <v>2018</v>
      </c>
      <c r="B39" s="22" t="s">
        <v>50</v>
      </c>
      <c r="C39" s="16">
        <v>50583</v>
      </c>
      <c r="D39" s="13">
        <v>4293</v>
      </c>
      <c r="E39" s="14">
        <v>2854</v>
      </c>
      <c r="F39" s="15">
        <v>579</v>
      </c>
      <c r="G39" s="13">
        <v>217</v>
      </c>
      <c r="H39" s="15">
        <v>102</v>
      </c>
      <c r="I39" s="13">
        <v>10491</v>
      </c>
      <c r="J39" s="15">
        <v>12203</v>
      </c>
      <c r="K39" s="16">
        <v>4267</v>
      </c>
      <c r="L39" s="16">
        <v>688</v>
      </c>
      <c r="M39" s="17">
        <v>14889</v>
      </c>
    </row>
    <row r="40" spans="1:13" ht="18.75" customHeight="1" x14ac:dyDescent="0.2">
      <c r="A40" s="2">
        <v>2019</v>
      </c>
      <c r="B40" s="3" t="s">
        <v>51</v>
      </c>
      <c r="C40" s="16">
        <v>51213</v>
      </c>
      <c r="D40" s="13">
        <v>4481</v>
      </c>
      <c r="E40" s="14">
        <v>2900</v>
      </c>
      <c r="F40" s="15">
        <v>631</v>
      </c>
      <c r="G40" s="13">
        <v>213</v>
      </c>
      <c r="H40" s="15">
        <v>97</v>
      </c>
      <c r="I40" s="13">
        <v>10777</v>
      </c>
      <c r="J40" s="15">
        <v>11884</v>
      </c>
      <c r="K40" s="16">
        <v>4402</v>
      </c>
      <c r="L40" s="16">
        <v>729</v>
      </c>
      <c r="M40" s="17">
        <v>15099</v>
      </c>
    </row>
    <row r="41" spans="1:13" ht="18.75" customHeight="1" x14ac:dyDescent="0.2">
      <c r="A41" s="2">
        <v>2020</v>
      </c>
      <c r="B41" s="3" t="s">
        <v>52</v>
      </c>
      <c r="C41" s="16">
        <v>36690</v>
      </c>
      <c r="D41" s="13">
        <v>4590</v>
      </c>
      <c r="E41" s="14">
        <v>2969</v>
      </c>
      <c r="F41" s="15">
        <v>758</v>
      </c>
      <c r="G41" s="13">
        <v>210</v>
      </c>
      <c r="H41" s="15">
        <v>101</v>
      </c>
      <c r="I41" s="13">
        <v>11048</v>
      </c>
      <c r="J41" s="15">
        <v>11759</v>
      </c>
      <c r="K41" s="16">
        <v>4498</v>
      </c>
      <c r="L41" s="16">
        <v>757</v>
      </c>
      <c r="M41" s="28" t="s">
        <v>53</v>
      </c>
    </row>
    <row r="42" spans="1:13" ht="18.75" customHeight="1" x14ac:dyDescent="0.2">
      <c r="A42" s="2">
        <v>2021</v>
      </c>
      <c r="B42" s="3" t="s">
        <v>54</v>
      </c>
      <c r="C42" s="16">
        <v>37060</v>
      </c>
      <c r="D42" s="13">
        <v>4717</v>
      </c>
      <c r="E42" s="14">
        <v>3067</v>
      </c>
      <c r="F42" s="15">
        <v>934</v>
      </c>
      <c r="G42" s="13">
        <v>200</v>
      </c>
      <c r="H42" s="15">
        <v>100</v>
      </c>
      <c r="I42" s="13">
        <v>11440</v>
      </c>
      <c r="J42" s="15">
        <v>11262</v>
      </c>
      <c r="K42" s="16">
        <v>4544</v>
      </c>
      <c r="L42" s="16">
        <v>796</v>
      </c>
      <c r="M42" s="28" t="s">
        <v>53</v>
      </c>
    </row>
    <row r="43" spans="1:13" ht="18.75" customHeight="1" thickBot="1" x14ac:dyDescent="0.25">
      <c r="A43" s="23">
        <v>2022</v>
      </c>
      <c r="B43" s="27" t="s">
        <v>55</v>
      </c>
      <c r="C43" s="24">
        <v>37435</v>
      </c>
      <c r="D43" s="25">
        <v>4941</v>
      </c>
      <c r="E43" s="41">
        <v>3124</v>
      </c>
      <c r="F43" s="42">
        <v>1036</v>
      </c>
      <c r="G43" s="25">
        <v>200</v>
      </c>
      <c r="H43" s="42">
        <v>95</v>
      </c>
      <c r="I43" s="25">
        <v>11757</v>
      </c>
      <c r="J43" s="42">
        <v>10847</v>
      </c>
      <c r="K43" s="24">
        <v>4584</v>
      </c>
      <c r="L43" s="24">
        <v>851</v>
      </c>
      <c r="M43" s="26" t="s">
        <v>53</v>
      </c>
    </row>
  </sheetData>
  <mergeCells count="8">
    <mergeCell ref="I1:J1"/>
    <mergeCell ref="L1:L2"/>
    <mergeCell ref="M1:M2"/>
    <mergeCell ref="A1:A2"/>
    <mergeCell ref="B1:B2"/>
    <mergeCell ref="C1:C2"/>
    <mergeCell ref="D1:F1"/>
    <mergeCell ref="G1:H1"/>
  </mergeCells>
  <phoneticPr fontId="4"/>
  <pageMargins left="0.74803149606299213" right="0.70866141732283472" top="1.1811023622047245" bottom="0.70866141732283472" header="0.78740157480314965" footer="0.51181102362204722"/>
  <pageSetup paperSize="9" scale="86" fitToWidth="0" fitToHeight="0" orientation="landscape" horizontalDpi="300" verticalDpi="300" r:id="rId1"/>
  <headerFooter alignWithMargins="0">
    <oddHeader>&amp;L&amp;14 ２－１　車種別自動車登録台数&amp;R資料：自動車保有車両数関係統計(北海道運輸局）、北海道統計書
（各年度末現在　単位:台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1 車種別自動車登録台数</vt:lpstr>
      <vt:lpstr>'2-1 車種別自動車登録台数'!Print_Area</vt:lpstr>
      <vt:lpstr>'2-1 車種別自動車登録台数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2-10-12T06:44:17Z</cp:lastPrinted>
  <dcterms:created xsi:type="dcterms:W3CDTF">1998-05-27T00:34:32Z</dcterms:created>
  <dcterms:modified xsi:type="dcterms:W3CDTF">2023-06-16T07:20:16Z</dcterms:modified>
</cp:coreProperties>
</file>